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５.　保健事業\ＸＬＳ\"/>
    </mc:Choice>
  </mc:AlternateContent>
  <bookViews>
    <workbookView xWindow="0" yWindow="0" windowWidth="20490" windowHeight="7185"/>
  </bookViews>
  <sheets>
    <sheet name="特定健診受診率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特定健診受診率!$A$1:$N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57">
  <si>
    <t>保険者名</t>
  </si>
  <si>
    <t>26年度</t>
    <phoneticPr fontId="6"/>
  </si>
  <si>
    <t>25→26　　受診率　　増減（％）</t>
    <phoneticPr fontId="6"/>
  </si>
  <si>
    <t>27年度</t>
    <phoneticPr fontId="6"/>
  </si>
  <si>
    <t>26→27　　受診率　　増減（％）</t>
    <rPh sb="7" eb="9">
      <t>ジュシン</t>
    </rPh>
    <rPh sb="9" eb="10">
      <t>リツ</t>
    </rPh>
    <rPh sb="12" eb="14">
      <t>ゾウゲン</t>
    </rPh>
    <phoneticPr fontId="6"/>
  </si>
  <si>
    <t>28年度</t>
    <rPh sb="2" eb="4">
      <t>ネンド</t>
    </rPh>
    <phoneticPr fontId="6"/>
  </si>
  <si>
    <t>27→28　　受診率　　増減（％）</t>
    <rPh sb="7" eb="9">
      <t>ジュシン</t>
    </rPh>
    <rPh sb="9" eb="10">
      <t>リツ</t>
    </rPh>
    <rPh sb="12" eb="14">
      <t>ゾウゲン</t>
    </rPh>
    <phoneticPr fontId="6"/>
  </si>
  <si>
    <t>対象者数</t>
    <rPh sb="0" eb="3">
      <t>タイショウシャ</t>
    </rPh>
    <rPh sb="3" eb="4">
      <t>スウ</t>
    </rPh>
    <phoneticPr fontId="2"/>
  </si>
  <si>
    <t>受診者数</t>
    <rPh sb="0" eb="3">
      <t>ジュシンシャ</t>
    </rPh>
    <rPh sb="3" eb="4">
      <t>スウ</t>
    </rPh>
    <phoneticPr fontId="2"/>
  </si>
  <si>
    <t>受診率</t>
    <rPh sb="0" eb="2">
      <t>ジュシン</t>
    </rPh>
    <rPh sb="2" eb="3">
      <t>リツ</t>
    </rPh>
    <phoneticPr fontId="2"/>
  </si>
  <si>
    <t>（人）</t>
    <rPh sb="1" eb="2">
      <t>ニン</t>
    </rPh>
    <phoneticPr fontId="2"/>
  </si>
  <si>
    <t>（％）</t>
    <phoneticPr fontId="2"/>
  </si>
  <si>
    <t>（％）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計</t>
    <rPh sb="3" eb="4">
      <t>ケイ</t>
    </rPh>
    <phoneticPr fontId="6"/>
  </si>
  <si>
    <t>組 合 計</t>
    <rPh sb="4" eb="5">
      <t>ケイ</t>
    </rPh>
    <phoneticPr fontId="4"/>
  </si>
  <si>
    <t>県   計</t>
    <rPh sb="4" eb="5">
      <t>ケイ</t>
    </rPh>
    <phoneticPr fontId="4"/>
  </si>
  <si>
    <t>５.保健事業（１）　特定健診受診率の状況</t>
    <rPh sb="2" eb="4">
      <t>ホケン</t>
    </rPh>
    <rPh sb="4" eb="6">
      <t>ジギョウ</t>
    </rPh>
    <rPh sb="10" eb="12">
      <t>トクテイ</t>
    </rPh>
    <rPh sb="12" eb="13">
      <t>ケン</t>
    </rPh>
    <rPh sb="13" eb="14">
      <t>ミ</t>
    </rPh>
    <rPh sb="14" eb="16">
      <t>ジュシン</t>
    </rPh>
    <rPh sb="16" eb="17">
      <t>リツ</t>
    </rPh>
    <rPh sb="18" eb="20">
      <t>ジョウキョウ</t>
    </rPh>
    <phoneticPr fontId="4"/>
  </si>
  <si>
    <t>特　定　健　康　診　査</t>
    <rPh sb="0" eb="1">
      <t>トク</t>
    </rPh>
    <rPh sb="2" eb="3">
      <t>サダム</t>
    </rPh>
    <rPh sb="4" eb="5">
      <t>ケン</t>
    </rPh>
    <rPh sb="6" eb="7">
      <t>ヤスシ</t>
    </rPh>
    <rPh sb="8" eb="9">
      <t>ミ</t>
    </rPh>
    <rPh sb="10" eb="11">
      <t>サ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.0;[Red]\-#,##0.0"/>
    <numFmt numFmtId="177" formatCode="#,##0.0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14"/>
      <name val="Terminal"/>
      <family val="3"/>
      <charset val="255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9" fillId="0" borderId="0"/>
    <xf numFmtId="0" fontId="2" fillId="0" borderId="0"/>
  </cellStyleXfs>
  <cellXfs count="87">
    <xf numFmtId="0" fontId="0" fillId="0" borderId="0" xfId="0"/>
    <xf numFmtId="38" fontId="2" fillId="0" borderId="0" xfId="1" applyFont="1"/>
    <xf numFmtId="38" fontId="5" fillId="0" borderId="0" xfId="1" applyFont="1"/>
    <xf numFmtId="38" fontId="5" fillId="0" borderId="5" xfId="1" applyFont="1" applyBorder="1"/>
    <xf numFmtId="37" fontId="5" fillId="0" borderId="11" xfId="3" applyFont="1" applyFill="1" applyBorder="1" applyAlignment="1" applyProtection="1">
      <alignment horizontal="center" shrinkToFit="1"/>
    </xf>
    <xf numFmtId="37" fontId="5" fillId="0" borderId="12" xfId="3" applyFont="1" applyFill="1" applyBorder="1" applyAlignment="1" applyProtection="1">
      <alignment horizontal="center" shrinkToFit="1"/>
    </xf>
    <xf numFmtId="37" fontId="5" fillId="0" borderId="9" xfId="3" applyFont="1" applyFill="1" applyBorder="1" applyAlignment="1" applyProtection="1">
      <alignment horizontal="center" shrinkToFit="1"/>
    </xf>
    <xf numFmtId="49" fontId="5" fillId="0" borderId="12" xfId="3" applyNumberFormat="1" applyFont="1" applyFill="1" applyBorder="1" applyAlignment="1" applyProtection="1">
      <alignment horizontal="right"/>
    </xf>
    <xf numFmtId="37" fontId="5" fillId="0" borderId="12" xfId="3" applyFont="1" applyFill="1" applyBorder="1" applyAlignment="1" applyProtection="1">
      <alignment horizontal="right"/>
    </xf>
    <xf numFmtId="38" fontId="5" fillId="0" borderId="10" xfId="1" applyFont="1" applyBorder="1"/>
    <xf numFmtId="38" fontId="7" fillId="0" borderId="15" xfId="1" applyNumberFormat="1" applyFont="1" applyFill="1" applyBorder="1" applyProtection="1"/>
    <xf numFmtId="176" fontId="7" fillId="0" borderId="10" xfId="1" applyNumberFormat="1" applyFont="1" applyBorder="1"/>
    <xf numFmtId="38" fontId="7" fillId="0" borderId="10" xfId="1" applyNumberFormat="1" applyFont="1" applyBorder="1"/>
    <xf numFmtId="176" fontId="7" fillId="0" borderId="6" xfId="1" applyNumberFormat="1" applyFont="1" applyBorder="1"/>
    <xf numFmtId="38" fontId="7" fillId="0" borderId="10" xfId="1" applyFont="1" applyFill="1" applyBorder="1" applyAlignment="1">
      <alignment vertical="center"/>
    </xf>
    <xf numFmtId="176" fontId="7" fillId="0" borderId="6" xfId="2" applyNumberFormat="1" applyFont="1" applyFill="1" applyBorder="1" applyAlignment="1">
      <alignment vertical="center"/>
    </xf>
    <xf numFmtId="176" fontId="7" fillId="0" borderId="15" xfId="1" applyNumberFormat="1" applyFont="1" applyFill="1" applyBorder="1" applyProtection="1"/>
    <xf numFmtId="38" fontId="5" fillId="0" borderId="19" xfId="1" applyFont="1" applyBorder="1"/>
    <xf numFmtId="38" fontId="5" fillId="0" borderId="20" xfId="1" applyFont="1" applyBorder="1"/>
    <xf numFmtId="176" fontId="7" fillId="0" borderId="20" xfId="1" applyNumberFormat="1" applyFont="1" applyFill="1" applyBorder="1" applyProtection="1"/>
    <xf numFmtId="38" fontId="7" fillId="0" borderId="20" xfId="1" applyNumberFormat="1" applyFont="1" applyFill="1" applyBorder="1" applyProtection="1"/>
    <xf numFmtId="176" fontId="7" fillId="0" borderId="21" xfId="1" applyNumberFormat="1" applyFont="1" applyFill="1" applyBorder="1" applyProtection="1"/>
    <xf numFmtId="38" fontId="7" fillId="0" borderId="21" xfId="1" applyNumberFormat="1" applyFont="1" applyFill="1" applyBorder="1" applyProtection="1"/>
    <xf numFmtId="38" fontId="7" fillId="0" borderId="20" xfId="1" applyFont="1" applyFill="1" applyBorder="1" applyAlignment="1">
      <alignment vertical="center"/>
    </xf>
    <xf numFmtId="176" fontId="7" fillId="0" borderId="20" xfId="2" applyNumberFormat="1" applyFont="1" applyFill="1" applyBorder="1" applyAlignment="1">
      <alignment vertical="center"/>
    </xf>
    <xf numFmtId="38" fontId="7" fillId="0" borderId="25" xfId="1" applyFont="1" applyFill="1" applyBorder="1" applyAlignment="1">
      <alignment vertical="center"/>
    </xf>
    <xf numFmtId="176" fontId="7" fillId="0" borderId="15" xfId="2" applyNumberFormat="1" applyFont="1" applyFill="1" applyBorder="1" applyAlignment="1">
      <alignment vertical="center"/>
    </xf>
    <xf numFmtId="38" fontId="5" fillId="0" borderId="26" xfId="1" applyFont="1" applyBorder="1"/>
    <xf numFmtId="176" fontId="7" fillId="0" borderId="27" xfId="2" applyNumberFormat="1" applyFont="1" applyFill="1" applyBorder="1" applyAlignment="1">
      <alignment vertical="center"/>
    </xf>
    <xf numFmtId="38" fontId="5" fillId="0" borderId="16" xfId="1" applyFont="1" applyBorder="1"/>
    <xf numFmtId="38" fontId="7" fillId="0" borderId="16" xfId="1" applyFont="1" applyFill="1" applyBorder="1" applyAlignment="1">
      <alignment vertical="center"/>
    </xf>
    <xf numFmtId="176" fontId="7" fillId="0" borderId="25" xfId="2" applyNumberFormat="1" applyFont="1" applyFill="1" applyBorder="1" applyAlignment="1">
      <alignment vertical="center"/>
    </xf>
    <xf numFmtId="38" fontId="7" fillId="0" borderId="28" xfId="1" applyFont="1" applyFill="1" applyBorder="1" applyAlignment="1">
      <alignment vertical="center"/>
    </xf>
    <xf numFmtId="176" fontId="7" fillId="0" borderId="22" xfId="1" applyNumberFormat="1" applyFont="1" applyFill="1" applyBorder="1" applyProtection="1"/>
    <xf numFmtId="38" fontId="7" fillId="0" borderId="22" xfId="1" applyNumberFormat="1" applyFont="1" applyFill="1" applyBorder="1" applyProtection="1"/>
    <xf numFmtId="38" fontId="7" fillId="0" borderId="31" xfId="1" applyFont="1" applyBorder="1" applyAlignment="1">
      <alignment vertical="center"/>
    </xf>
    <xf numFmtId="176" fontId="7" fillId="0" borderId="31" xfId="2" applyNumberFormat="1" applyFont="1" applyFill="1" applyBorder="1" applyAlignment="1">
      <alignment vertical="center"/>
    </xf>
    <xf numFmtId="38" fontId="7" fillId="0" borderId="23" xfId="1" applyFont="1" applyBorder="1" applyAlignment="1">
      <alignment vertical="center"/>
    </xf>
    <xf numFmtId="176" fontId="7" fillId="0" borderId="37" xfId="1" applyNumberFormat="1" applyFont="1" applyFill="1" applyBorder="1" applyProtection="1"/>
    <xf numFmtId="38" fontId="7" fillId="0" borderId="37" xfId="1" applyNumberFormat="1" applyFont="1" applyFill="1" applyBorder="1" applyProtection="1"/>
    <xf numFmtId="38" fontId="7" fillId="0" borderId="36" xfId="1" applyFont="1" applyBorder="1" applyAlignment="1">
      <alignment vertical="center"/>
    </xf>
    <xf numFmtId="176" fontId="7" fillId="0" borderId="36" xfId="2" applyNumberFormat="1" applyFont="1" applyFill="1" applyBorder="1" applyAlignment="1">
      <alignment vertical="center"/>
    </xf>
    <xf numFmtId="0" fontId="5" fillId="0" borderId="0" xfId="1" quotePrefix="1" applyNumberFormat="1" applyFont="1"/>
    <xf numFmtId="38" fontId="5" fillId="0" borderId="0" xfId="1" applyFont="1" applyFill="1"/>
    <xf numFmtId="177" fontId="7" fillId="0" borderId="10" xfId="1" applyNumberFormat="1" applyFont="1" applyBorder="1"/>
    <xf numFmtId="177" fontId="7" fillId="0" borderId="15" xfId="1" applyNumberFormat="1" applyFont="1" applyFill="1" applyBorder="1" applyProtection="1"/>
    <xf numFmtId="177" fontId="7" fillId="0" borderId="21" xfId="1" applyNumberFormat="1" applyFont="1" applyFill="1" applyBorder="1" applyProtection="1"/>
    <xf numFmtId="177" fontId="7" fillId="0" borderId="20" xfId="1" applyNumberFormat="1" applyFont="1" applyFill="1" applyBorder="1" applyProtection="1"/>
    <xf numFmtId="177" fontId="7" fillId="0" borderId="22" xfId="1" applyNumberFormat="1" applyFont="1" applyFill="1" applyBorder="1" applyProtection="1"/>
    <xf numFmtId="177" fontId="7" fillId="0" borderId="37" xfId="1" applyNumberFormat="1" applyFont="1" applyFill="1" applyBorder="1" applyProtection="1"/>
    <xf numFmtId="177" fontId="7" fillId="0" borderId="17" xfId="1" applyNumberFormat="1" applyFont="1" applyBorder="1"/>
    <xf numFmtId="177" fontId="7" fillId="0" borderId="18" xfId="1" applyNumberFormat="1" applyFont="1" applyBorder="1"/>
    <xf numFmtId="177" fontId="7" fillId="0" borderId="18" xfId="1" applyNumberFormat="1" applyFont="1" applyFill="1" applyBorder="1"/>
    <xf numFmtId="177" fontId="7" fillId="0" borderId="24" xfId="1" applyNumberFormat="1" applyFont="1" applyBorder="1"/>
    <xf numFmtId="177" fontId="7" fillId="0" borderId="32" xfId="1" applyNumberFormat="1" applyFont="1" applyBorder="1"/>
    <xf numFmtId="177" fontId="7" fillId="0" borderId="33" xfId="1" applyNumberFormat="1" applyFont="1" applyBorder="1"/>
    <xf numFmtId="177" fontId="7" fillId="0" borderId="38" xfId="1" applyNumberFormat="1" applyFont="1" applyBorder="1"/>
    <xf numFmtId="38" fontId="5" fillId="0" borderId="34" xfId="1" applyFont="1" applyBorder="1" applyAlignment="1">
      <alignment horizontal="distributed" justifyLastLine="1"/>
    </xf>
    <xf numFmtId="38" fontId="5" fillId="0" borderId="35" xfId="1" applyFont="1" applyBorder="1" applyAlignment="1">
      <alignment horizontal="distributed" justifyLastLine="1"/>
    </xf>
    <xf numFmtId="0" fontId="5" fillId="0" borderId="6" xfId="4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5" fillId="0" borderId="6" xfId="4" applyFont="1" applyBorder="1" applyAlignment="1">
      <alignment horizontal="center" vertical="center"/>
    </xf>
    <xf numFmtId="0" fontId="5" fillId="0" borderId="7" xfId="4" applyFont="1" applyBorder="1" applyAlignment="1">
      <alignment horizontal="center" vertical="center"/>
    </xf>
    <xf numFmtId="0" fontId="5" fillId="0" borderId="8" xfId="4" applyFont="1" applyBorder="1" applyAlignment="1">
      <alignment horizontal="center" vertical="center"/>
    </xf>
    <xf numFmtId="38" fontId="5" fillId="0" borderId="29" xfId="1" applyFont="1" applyBorder="1" applyAlignment="1">
      <alignment horizontal="distributed" justifyLastLine="1"/>
    </xf>
    <xf numFmtId="38" fontId="5" fillId="0" borderId="30" xfId="1" applyFont="1" applyBorder="1" applyAlignment="1">
      <alignment horizontal="distributed" justifyLastLine="1"/>
    </xf>
    <xf numFmtId="38" fontId="7" fillId="0" borderId="1" xfId="1" applyFont="1" applyBorder="1" applyAlignment="1">
      <alignment horizontal="distributed" vertical="center" justifyLastLine="1"/>
    </xf>
    <xf numFmtId="0" fontId="8" fillId="0" borderId="2" xfId="0" applyFont="1" applyBorder="1" applyAlignment="1">
      <alignment horizontal="distributed" vertical="center" justifyLastLine="1"/>
    </xf>
    <xf numFmtId="38" fontId="7" fillId="0" borderId="5" xfId="1" applyFont="1" applyBorder="1" applyAlignment="1">
      <alignment horizontal="distributed" vertical="center" justifyLastLine="1"/>
    </xf>
    <xf numFmtId="0" fontId="8" fillId="0" borderId="0" xfId="0" applyFont="1" applyBorder="1" applyAlignment="1">
      <alignment horizontal="distributed" vertical="center" justifyLastLine="1"/>
    </xf>
    <xf numFmtId="0" fontId="8" fillId="0" borderId="13" xfId="0" applyFont="1" applyBorder="1" applyAlignment="1">
      <alignment horizontal="distributed" vertical="center" justifyLastLine="1"/>
    </xf>
    <xf numFmtId="0" fontId="8" fillId="0" borderId="14" xfId="0" applyFont="1" applyBorder="1" applyAlignment="1">
      <alignment horizontal="distributed" vertical="center" justifyLastLine="1"/>
    </xf>
    <xf numFmtId="37" fontId="7" fillId="0" borderId="3" xfId="3" applyFont="1" applyFill="1" applyBorder="1" applyAlignment="1" applyProtection="1">
      <alignment horizontal="center" vertical="center"/>
    </xf>
    <xf numFmtId="37" fontId="7" fillId="0" borderId="4" xfId="3" applyFont="1" applyFill="1" applyBorder="1" applyAlignment="1" applyProtection="1">
      <alignment horizontal="center" vertical="center"/>
    </xf>
    <xf numFmtId="0" fontId="5" fillId="0" borderId="10" xfId="4" applyFont="1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5" fillId="0" borderId="39" xfId="4" applyFont="1" applyBorder="1" applyAlignment="1">
      <alignment horizontal="center" vertical="center" wrapText="1"/>
    </xf>
    <xf numFmtId="0" fontId="5" fillId="0" borderId="40" xfId="4" applyFont="1" applyBorder="1" applyAlignment="1">
      <alignment horizontal="center" vertical="center" wrapText="1"/>
    </xf>
    <xf numFmtId="0" fontId="5" fillId="0" borderId="17" xfId="4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right" vertical="center" wrapText="1"/>
    </xf>
    <xf numFmtId="0" fontId="5" fillId="0" borderId="11" xfId="0" applyFont="1" applyBorder="1" applyAlignment="1">
      <alignment horizontal="right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right" vertical="center" wrapText="1"/>
    </xf>
  </cellXfs>
  <cellStyles count="5">
    <cellStyle name="パーセント" xfId="2" builtinId="5"/>
    <cellStyle name="桁区切り" xfId="1" builtinId="6"/>
    <cellStyle name="標準" xfId="0" builtinId="0"/>
    <cellStyle name="標準_(訂正)特定健診20-21" xfId="4"/>
    <cellStyle name="標準_事04統1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0</xdr:colOff>
      <xdr:row>11</xdr:row>
      <xdr:rowOff>0</xdr:rowOff>
    </xdr:from>
    <xdr:to>
      <xdr:col>11</xdr:col>
      <xdr:colOff>76200</xdr:colOff>
      <xdr:row>11</xdr:row>
      <xdr:rowOff>20955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800850" y="237172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2</xdr:col>
      <xdr:colOff>76200</xdr:colOff>
      <xdr:row>11</xdr:row>
      <xdr:rowOff>20955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1038225" y="237172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2</xdr:col>
      <xdr:colOff>76200</xdr:colOff>
      <xdr:row>11</xdr:row>
      <xdr:rowOff>209550</xdr:rowOff>
    </xdr:to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1038225" y="237172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5"/>
  </sheetPr>
  <dimension ref="A1:O49"/>
  <sheetViews>
    <sheetView tabSelected="1" view="pageBreakPreview" zoomScaleNormal="100" zoomScaleSheetLayoutView="100" workbookViewId="0">
      <selection activeCell="N4" sqref="N4:N6"/>
    </sheetView>
  </sheetViews>
  <sheetFormatPr defaultRowHeight="11.25" x14ac:dyDescent="0.15"/>
  <cols>
    <col min="1" max="1" width="3.625" style="2" customWidth="1"/>
    <col min="2" max="2" width="10" style="2" customWidth="1"/>
    <col min="3" max="3" width="9.375" style="2" customWidth="1"/>
    <col min="4" max="4" width="8.75" style="2" customWidth="1"/>
    <col min="5" max="6" width="7.5" style="2" customWidth="1"/>
    <col min="7" max="7" width="9.375" style="2" customWidth="1"/>
    <col min="8" max="8" width="8.75" style="2" customWidth="1"/>
    <col min="9" max="10" width="7.5" style="2" customWidth="1"/>
    <col min="11" max="11" width="9.375" style="2" customWidth="1"/>
    <col min="12" max="12" width="8.75" style="2" customWidth="1"/>
    <col min="13" max="13" width="7.5" style="43" customWidth="1"/>
    <col min="14" max="14" width="7.5" style="2" customWidth="1"/>
    <col min="15" max="15" width="1.375" style="2" customWidth="1"/>
    <col min="16" max="16384" width="9" style="2"/>
  </cols>
  <sheetData>
    <row r="1" spans="1:15" ht="16.5" customHeight="1" x14ac:dyDescent="0.15">
      <c r="A1" s="1" t="s">
        <v>55</v>
      </c>
      <c r="M1" s="2"/>
    </row>
    <row r="2" spans="1:15" ht="16.5" customHeight="1" thickBot="1" x14ac:dyDescent="0.2">
      <c r="M2" s="2"/>
    </row>
    <row r="3" spans="1:15" ht="15" customHeight="1" x14ac:dyDescent="0.15">
      <c r="A3" s="66" t="s">
        <v>0</v>
      </c>
      <c r="B3" s="67"/>
      <c r="C3" s="72" t="s">
        <v>56</v>
      </c>
      <c r="D3" s="72"/>
      <c r="E3" s="72"/>
      <c r="F3" s="72"/>
      <c r="G3" s="72"/>
      <c r="H3" s="72"/>
      <c r="I3" s="72"/>
      <c r="J3" s="72"/>
      <c r="K3" s="72"/>
      <c r="L3" s="72"/>
      <c r="M3" s="72"/>
      <c r="N3" s="73"/>
      <c r="O3" s="3"/>
    </row>
    <row r="4" spans="1:15" ht="15" customHeight="1" x14ac:dyDescent="0.15">
      <c r="A4" s="68"/>
      <c r="B4" s="69"/>
      <c r="C4" s="74" t="s">
        <v>1</v>
      </c>
      <c r="D4" s="75"/>
      <c r="E4" s="75"/>
      <c r="F4" s="74" t="s">
        <v>2</v>
      </c>
      <c r="G4" s="59" t="s">
        <v>3</v>
      </c>
      <c r="H4" s="60"/>
      <c r="I4" s="60"/>
      <c r="J4" s="79" t="s">
        <v>4</v>
      </c>
      <c r="K4" s="61" t="s">
        <v>5</v>
      </c>
      <c r="L4" s="62"/>
      <c r="M4" s="63"/>
      <c r="N4" s="76" t="s">
        <v>6</v>
      </c>
      <c r="O4" s="3"/>
    </row>
    <row r="5" spans="1:15" ht="15" customHeight="1" x14ac:dyDescent="0.15">
      <c r="A5" s="68"/>
      <c r="B5" s="69"/>
      <c r="C5" s="85" t="s">
        <v>7</v>
      </c>
      <c r="D5" s="85" t="s">
        <v>8</v>
      </c>
      <c r="E5" s="85" t="s">
        <v>9</v>
      </c>
      <c r="F5" s="75"/>
      <c r="G5" s="82" t="s">
        <v>7</v>
      </c>
      <c r="H5" s="82" t="s">
        <v>8</v>
      </c>
      <c r="I5" s="82" t="s">
        <v>9</v>
      </c>
      <c r="J5" s="80"/>
      <c r="K5" s="4" t="s">
        <v>7</v>
      </c>
      <c r="L5" s="5" t="s">
        <v>8</v>
      </c>
      <c r="M5" s="6" t="s">
        <v>9</v>
      </c>
      <c r="N5" s="77"/>
      <c r="O5" s="3"/>
    </row>
    <row r="6" spans="1:15" ht="15" customHeight="1" x14ac:dyDescent="0.15">
      <c r="A6" s="70"/>
      <c r="B6" s="71"/>
      <c r="C6" s="86" t="s">
        <v>10</v>
      </c>
      <c r="D6" s="86" t="s">
        <v>10</v>
      </c>
      <c r="E6" s="86" t="s">
        <v>12</v>
      </c>
      <c r="F6" s="75"/>
      <c r="G6" s="83" t="s">
        <v>10</v>
      </c>
      <c r="H6" s="83" t="s">
        <v>10</v>
      </c>
      <c r="I6" s="84" t="s">
        <v>12</v>
      </c>
      <c r="J6" s="81"/>
      <c r="K6" s="7" t="s">
        <v>10</v>
      </c>
      <c r="L6" s="7" t="s">
        <v>10</v>
      </c>
      <c r="M6" s="8" t="s">
        <v>11</v>
      </c>
      <c r="N6" s="78"/>
      <c r="O6" s="3"/>
    </row>
    <row r="7" spans="1:15" ht="18.95" customHeight="1" x14ac:dyDescent="0.15">
      <c r="A7" s="3">
        <v>1</v>
      </c>
      <c r="B7" s="9" t="s">
        <v>13</v>
      </c>
      <c r="C7" s="12">
        <v>579794</v>
      </c>
      <c r="D7" s="12">
        <v>124443</v>
      </c>
      <c r="E7" s="13">
        <v>21.5</v>
      </c>
      <c r="F7" s="44">
        <v>1.1000000000000014</v>
      </c>
      <c r="G7" s="12">
        <v>565185</v>
      </c>
      <c r="H7" s="12">
        <v>123502</v>
      </c>
      <c r="I7" s="11">
        <v>21.9</v>
      </c>
      <c r="J7" s="44">
        <v>0.39999999999999858</v>
      </c>
      <c r="K7" s="14">
        <v>537667</v>
      </c>
      <c r="L7" s="14">
        <v>113145</v>
      </c>
      <c r="M7" s="15">
        <v>21</v>
      </c>
      <c r="N7" s="50">
        <v>-0.89999999999999858</v>
      </c>
      <c r="O7" s="3"/>
    </row>
    <row r="8" spans="1:15" ht="18.95" customHeight="1" x14ac:dyDescent="0.15">
      <c r="A8" s="3">
        <v>2</v>
      </c>
      <c r="B8" s="9" t="s">
        <v>14</v>
      </c>
      <c r="C8" s="10">
        <v>207996</v>
      </c>
      <c r="D8" s="10">
        <v>51048</v>
      </c>
      <c r="E8" s="16">
        <v>24.5</v>
      </c>
      <c r="F8" s="45">
        <v>1.6000000000000014</v>
      </c>
      <c r="G8" s="10">
        <v>202258</v>
      </c>
      <c r="H8" s="10">
        <v>51515</v>
      </c>
      <c r="I8" s="16">
        <v>25.5</v>
      </c>
      <c r="J8" s="45">
        <v>1</v>
      </c>
      <c r="K8" s="14">
        <v>190800</v>
      </c>
      <c r="L8" s="14">
        <v>50018</v>
      </c>
      <c r="M8" s="15">
        <v>26.2</v>
      </c>
      <c r="N8" s="51">
        <v>0.69999999999999929</v>
      </c>
      <c r="O8" s="3"/>
    </row>
    <row r="9" spans="1:15" ht="18.95" customHeight="1" x14ac:dyDescent="0.15">
      <c r="A9" s="3">
        <v>3</v>
      </c>
      <c r="B9" s="9" t="s">
        <v>15</v>
      </c>
      <c r="C9" s="10">
        <v>81565</v>
      </c>
      <c r="D9" s="10">
        <v>23244</v>
      </c>
      <c r="E9" s="16">
        <v>28.5</v>
      </c>
      <c r="F9" s="45">
        <v>4</v>
      </c>
      <c r="G9" s="10">
        <v>79431</v>
      </c>
      <c r="H9" s="10">
        <v>23276</v>
      </c>
      <c r="I9" s="16">
        <v>29.3</v>
      </c>
      <c r="J9" s="45">
        <v>0.80000000000000071</v>
      </c>
      <c r="K9" s="14">
        <v>75287</v>
      </c>
      <c r="L9" s="14">
        <v>22663</v>
      </c>
      <c r="M9" s="15">
        <v>30.1</v>
      </c>
      <c r="N9" s="52">
        <v>0.80000000000000071</v>
      </c>
      <c r="O9" s="3"/>
    </row>
    <row r="10" spans="1:15" ht="18.95" customHeight="1" x14ac:dyDescent="0.15">
      <c r="A10" s="3">
        <v>4</v>
      </c>
      <c r="B10" s="9" t="s">
        <v>16</v>
      </c>
      <c r="C10" s="10">
        <v>49261</v>
      </c>
      <c r="D10" s="10">
        <v>15610</v>
      </c>
      <c r="E10" s="16">
        <v>31.7</v>
      </c>
      <c r="F10" s="45">
        <v>2.0999999999999979</v>
      </c>
      <c r="G10" s="10">
        <v>47843</v>
      </c>
      <c r="H10" s="10">
        <v>15810</v>
      </c>
      <c r="I10" s="16">
        <v>33</v>
      </c>
      <c r="J10" s="45">
        <v>1.3000000000000007</v>
      </c>
      <c r="K10" s="14">
        <v>45296</v>
      </c>
      <c r="L10" s="14">
        <v>14959</v>
      </c>
      <c r="M10" s="15">
        <v>33</v>
      </c>
      <c r="N10" s="52">
        <v>0</v>
      </c>
      <c r="O10" s="3"/>
    </row>
    <row r="11" spans="1:15" ht="18.95" customHeight="1" x14ac:dyDescent="0.15">
      <c r="A11" s="3">
        <v>5</v>
      </c>
      <c r="B11" s="9" t="s">
        <v>17</v>
      </c>
      <c r="C11" s="10">
        <v>33721</v>
      </c>
      <c r="D11" s="10">
        <v>11087</v>
      </c>
      <c r="E11" s="16">
        <v>32.9</v>
      </c>
      <c r="F11" s="45">
        <v>-0.30000000000000426</v>
      </c>
      <c r="G11" s="10">
        <v>32737</v>
      </c>
      <c r="H11" s="10">
        <v>11025</v>
      </c>
      <c r="I11" s="16">
        <v>33.700000000000003</v>
      </c>
      <c r="J11" s="45">
        <v>0.80000000000000426</v>
      </c>
      <c r="K11" s="14">
        <v>30950</v>
      </c>
      <c r="L11" s="14">
        <v>10060</v>
      </c>
      <c r="M11" s="15">
        <v>32.5</v>
      </c>
      <c r="N11" s="52">
        <v>-1.2000000000000028</v>
      </c>
      <c r="O11" s="3"/>
    </row>
    <row r="12" spans="1:15" ht="18.95" customHeight="1" x14ac:dyDescent="0.15">
      <c r="A12" s="3">
        <v>6</v>
      </c>
      <c r="B12" s="9" t="s">
        <v>18</v>
      </c>
      <c r="C12" s="10">
        <v>69547</v>
      </c>
      <c r="D12" s="10">
        <v>29157</v>
      </c>
      <c r="E12" s="16">
        <v>41.9</v>
      </c>
      <c r="F12" s="45">
        <v>0</v>
      </c>
      <c r="G12" s="10">
        <v>67672</v>
      </c>
      <c r="H12" s="10">
        <v>28850</v>
      </c>
      <c r="I12" s="16">
        <v>42.6</v>
      </c>
      <c r="J12" s="45">
        <v>0.70000000000000284</v>
      </c>
      <c r="K12" s="14">
        <v>64418</v>
      </c>
      <c r="L12" s="14">
        <v>26863</v>
      </c>
      <c r="M12" s="15">
        <v>41.7</v>
      </c>
      <c r="N12" s="52">
        <v>-0.89999999999999858</v>
      </c>
      <c r="O12" s="3"/>
    </row>
    <row r="13" spans="1:15" ht="18.95" customHeight="1" x14ac:dyDescent="0.15">
      <c r="A13" s="3">
        <v>7</v>
      </c>
      <c r="B13" s="9" t="s">
        <v>19</v>
      </c>
      <c r="C13" s="10">
        <v>36470</v>
      </c>
      <c r="D13" s="10">
        <v>8913</v>
      </c>
      <c r="E13" s="16">
        <v>24.4</v>
      </c>
      <c r="F13" s="45">
        <v>1.1999999999999993</v>
      </c>
      <c r="G13" s="10">
        <v>35432</v>
      </c>
      <c r="H13" s="10">
        <v>9179</v>
      </c>
      <c r="I13" s="16">
        <v>25.9</v>
      </c>
      <c r="J13" s="45">
        <v>1.5</v>
      </c>
      <c r="K13" s="14">
        <v>33213</v>
      </c>
      <c r="L13" s="14">
        <v>8668</v>
      </c>
      <c r="M13" s="15">
        <v>26.1</v>
      </c>
      <c r="N13" s="52">
        <v>0.20000000000000284</v>
      </c>
      <c r="O13" s="3"/>
    </row>
    <row r="14" spans="1:15" ht="18.95" customHeight="1" x14ac:dyDescent="0.15">
      <c r="A14" s="3">
        <v>8</v>
      </c>
      <c r="B14" s="9" t="s">
        <v>20</v>
      </c>
      <c r="C14" s="10">
        <v>42477</v>
      </c>
      <c r="D14" s="10">
        <v>15490</v>
      </c>
      <c r="E14" s="16">
        <v>36.5</v>
      </c>
      <c r="F14" s="45">
        <v>1.1000000000000014</v>
      </c>
      <c r="G14" s="10">
        <v>41209</v>
      </c>
      <c r="H14" s="10">
        <v>15059</v>
      </c>
      <c r="I14" s="16">
        <v>36.5</v>
      </c>
      <c r="J14" s="45">
        <v>0</v>
      </c>
      <c r="K14" s="14">
        <v>39245</v>
      </c>
      <c r="L14" s="14">
        <v>14293</v>
      </c>
      <c r="M14" s="15">
        <v>36.4</v>
      </c>
      <c r="N14" s="52">
        <v>-0.10000000000000142</v>
      </c>
      <c r="O14" s="3"/>
    </row>
    <row r="15" spans="1:15" ht="18.95" customHeight="1" x14ac:dyDescent="0.15">
      <c r="A15" s="3">
        <v>9</v>
      </c>
      <c r="B15" s="9" t="s">
        <v>21</v>
      </c>
      <c r="C15" s="10">
        <v>11490</v>
      </c>
      <c r="D15" s="10">
        <v>3587</v>
      </c>
      <c r="E15" s="16">
        <v>31.2</v>
      </c>
      <c r="F15" s="45">
        <v>0.5</v>
      </c>
      <c r="G15" s="10">
        <v>11202</v>
      </c>
      <c r="H15" s="10">
        <v>3615</v>
      </c>
      <c r="I15" s="16">
        <v>32.299999999999997</v>
      </c>
      <c r="J15" s="45">
        <v>1.0999999999999979</v>
      </c>
      <c r="K15" s="14">
        <v>10673</v>
      </c>
      <c r="L15" s="14">
        <v>3318</v>
      </c>
      <c r="M15" s="15">
        <v>31.1</v>
      </c>
      <c r="N15" s="52">
        <v>-1.1999999999999957</v>
      </c>
      <c r="O15" s="3"/>
    </row>
    <row r="16" spans="1:15" ht="18.95" customHeight="1" x14ac:dyDescent="0.15">
      <c r="A16" s="3">
        <v>10</v>
      </c>
      <c r="B16" s="9" t="s">
        <v>22</v>
      </c>
      <c r="C16" s="10">
        <v>133283</v>
      </c>
      <c r="D16" s="10">
        <v>32621</v>
      </c>
      <c r="E16" s="16">
        <v>24.5</v>
      </c>
      <c r="F16" s="45">
        <v>2.3999999999999986</v>
      </c>
      <c r="G16" s="10">
        <v>129521</v>
      </c>
      <c r="H16" s="10">
        <v>34251</v>
      </c>
      <c r="I16" s="16">
        <v>26.4</v>
      </c>
      <c r="J16" s="45">
        <v>1.8999999999999986</v>
      </c>
      <c r="K16" s="14">
        <v>123265</v>
      </c>
      <c r="L16" s="14">
        <v>32461</v>
      </c>
      <c r="M16" s="15">
        <v>26.3</v>
      </c>
      <c r="N16" s="52">
        <v>-9.9999999999997868E-2</v>
      </c>
      <c r="O16" s="3"/>
    </row>
    <row r="17" spans="1:15" ht="18.95" customHeight="1" x14ac:dyDescent="0.15">
      <c r="A17" s="3">
        <v>11</v>
      </c>
      <c r="B17" s="9" t="s">
        <v>23</v>
      </c>
      <c r="C17" s="10">
        <v>11790</v>
      </c>
      <c r="D17" s="10">
        <v>2340</v>
      </c>
      <c r="E17" s="16">
        <v>19.8</v>
      </c>
      <c r="F17" s="45">
        <v>0.80000000000000071</v>
      </c>
      <c r="G17" s="10">
        <v>11418</v>
      </c>
      <c r="H17" s="10">
        <v>2438</v>
      </c>
      <c r="I17" s="16">
        <v>21.4</v>
      </c>
      <c r="J17" s="45">
        <v>1.5999999999999979</v>
      </c>
      <c r="K17" s="14">
        <v>10775</v>
      </c>
      <c r="L17" s="14">
        <v>2380</v>
      </c>
      <c r="M17" s="15">
        <v>22.1</v>
      </c>
      <c r="N17" s="51">
        <v>0.70000000000000284</v>
      </c>
      <c r="O17" s="3"/>
    </row>
    <row r="18" spans="1:15" ht="18.95" customHeight="1" x14ac:dyDescent="0.15">
      <c r="A18" s="3">
        <v>12</v>
      </c>
      <c r="B18" s="9" t="s">
        <v>24</v>
      </c>
      <c r="C18" s="10">
        <v>32123</v>
      </c>
      <c r="D18" s="10">
        <v>10912</v>
      </c>
      <c r="E18" s="16">
        <v>34</v>
      </c>
      <c r="F18" s="45">
        <v>0.89999999999999858</v>
      </c>
      <c r="G18" s="10">
        <v>31676</v>
      </c>
      <c r="H18" s="10">
        <v>10956</v>
      </c>
      <c r="I18" s="16">
        <v>34.6</v>
      </c>
      <c r="J18" s="45">
        <v>0.60000000000000142</v>
      </c>
      <c r="K18" s="14">
        <v>30154</v>
      </c>
      <c r="L18" s="14">
        <v>10179</v>
      </c>
      <c r="M18" s="15">
        <v>33.799999999999997</v>
      </c>
      <c r="N18" s="51">
        <v>-0.80000000000000426</v>
      </c>
      <c r="O18" s="3"/>
    </row>
    <row r="19" spans="1:15" ht="18.95" customHeight="1" x14ac:dyDescent="0.15">
      <c r="A19" s="3">
        <v>13</v>
      </c>
      <c r="B19" s="9" t="s">
        <v>25</v>
      </c>
      <c r="C19" s="10">
        <v>42512</v>
      </c>
      <c r="D19" s="10">
        <v>13309</v>
      </c>
      <c r="E19" s="16">
        <v>31.3</v>
      </c>
      <c r="F19" s="45">
        <v>-0.69999999999999929</v>
      </c>
      <c r="G19" s="10">
        <v>41203</v>
      </c>
      <c r="H19" s="10">
        <v>13246</v>
      </c>
      <c r="I19" s="16">
        <v>32.1</v>
      </c>
      <c r="J19" s="45">
        <v>0.80000000000000071</v>
      </c>
      <c r="K19" s="14">
        <v>38996</v>
      </c>
      <c r="L19" s="14">
        <v>12972</v>
      </c>
      <c r="M19" s="15">
        <v>33.299999999999997</v>
      </c>
      <c r="N19" s="51">
        <v>1.1999999999999957</v>
      </c>
      <c r="O19" s="3"/>
    </row>
    <row r="20" spans="1:15" ht="18.95" customHeight="1" x14ac:dyDescent="0.15">
      <c r="A20" s="3">
        <v>14</v>
      </c>
      <c r="B20" s="9" t="s">
        <v>26</v>
      </c>
      <c r="C20" s="10">
        <v>41871</v>
      </c>
      <c r="D20" s="10">
        <v>14713</v>
      </c>
      <c r="E20" s="16">
        <v>35.1</v>
      </c>
      <c r="F20" s="45">
        <v>0.60000000000000142</v>
      </c>
      <c r="G20" s="10">
        <v>40589</v>
      </c>
      <c r="H20" s="10">
        <v>14126</v>
      </c>
      <c r="I20" s="16">
        <v>34.799999999999997</v>
      </c>
      <c r="J20" s="45">
        <v>-0.30000000000000426</v>
      </c>
      <c r="K20" s="14">
        <v>38088</v>
      </c>
      <c r="L20" s="14">
        <v>13207</v>
      </c>
      <c r="M20" s="15">
        <v>34.700000000000003</v>
      </c>
      <c r="N20" s="51">
        <v>-9.9999999999994316E-2</v>
      </c>
      <c r="O20" s="3"/>
    </row>
    <row r="21" spans="1:15" ht="18" customHeight="1" x14ac:dyDescent="0.15">
      <c r="A21" s="3">
        <v>15</v>
      </c>
      <c r="B21" s="9" t="s">
        <v>27</v>
      </c>
      <c r="C21" s="10">
        <v>18135</v>
      </c>
      <c r="D21" s="10">
        <v>6687</v>
      </c>
      <c r="E21" s="16">
        <v>36.9</v>
      </c>
      <c r="F21" s="45">
        <v>2.1000000000000014</v>
      </c>
      <c r="G21" s="10">
        <v>17654</v>
      </c>
      <c r="H21" s="10">
        <v>6491</v>
      </c>
      <c r="I21" s="16">
        <v>36.799999999999997</v>
      </c>
      <c r="J21" s="45">
        <v>-0.10000000000000142</v>
      </c>
      <c r="K21" s="14">
        <v>16691</v>
      </c>
      <c r="L21" s="14">
        <v>6162</v>
      </c>
      <c r="M21" s="15">
        <v>36.9</v>
      </c>
      <c r="N21" s="51">
        <v>0.10000000000000142</v>
      </c>
      <c r="O21" s="3"/>
    </row>
    <row r="22" spans="1:15" ht="18.95" customHeight="1" x14ac:dyDescent="0.15">
      <c r="A22" s="3">
        <v>16</v>
      </c>
      <c r="B22" s="9" t="s">
        <v>28</v>
      </c>
      <c r="C22" s="10">
        <v>23442</v>
      </c>
      <c r="D22" s="10">
        <v>7164</v>
      </c>
      <c r="E22" s="16">
        <v>30.6</v>
      </c>
      <c r="F22" s="45">
        <v>1.6000000000000014</v>
      </c>
      <c r="G22" s="10">
        <v>22857</v>
      </c>
      <c r="H22" s="10">
        <v>6972</v>
      </c>
      <c r="I22" s="16">
        <v>30.5</v>
      </c>
      <c r="J22" s="45">
        <v>-0.10000000000000142</v>
      </c>
      <c r="K22" s="14">
        <v>21666</v>
      </c>
      <c r="L22" s="14">
        <v>6584</v>
      </c>
      <c r="M22" s="15">
        <v>30.4</v>
      </c>
      <c r="N22" s="51">
        <v>-0.10000000000000142</v>
      </c>
      <c r="O22" s="3"/>
    </row>
    <row r="23" spans="1:15" ht="18.95" customHeight="1" x14ac:dyDescent="0.15">
      <c r="A23" s="3">
        <v>17</v>
      </c>
      <c r="B23" s="9" t="s">
        <v>29</v>
      </c>
      <c r="C23" s="10">
        <v>24223</v>
      </c>
      <c r="D23" s="10">
        <v>6702</v>
      </c>
      <c r="E23" s="16">
        <v>27.7</v>
      </c>
      <c r="F23" s="45">
        <v>0.59999999999999787</v>
      </c>
      <c r="G23" s="10">
        <v>23396</v>
      </c>
      <c r="H23" s="10">
        <v>6764</v>
      </c>
      <c r="I23" s="16">
        <v>28.9</v>
      </c>
      <c r="J23" s="45">
        <v>1.1999999999999993</v>
      </c>
      <c r="K23" s="14">
        <v>22168</v>
      </c>
      <c r="L23" s="14">
        <v>6486</v>
      </c>
      <c r="M23" s="15">
        <v>29.3</v>
      </c>
      <c r="N23" s="51">
        <v>0.40000000000000213</v>
      </c>
      <c r="O23" s="3"/>
    </row>
    <row r="24" spans="1:15" ht="18.95" customHeight="1" x14ac:dyDescent="0.15">
      <c r="A24" s="3">
        <v>18</v>
      </c>
      <c r="B24" s="9" t="s">
        <v>30</v>
      </c>
      <c r="C24" s="10">
        <v>7858</v>
      </c>
      <c r="D24" s="10">
        <v>2300</v>
      </c>
      <c r="E24" s="16">
        <v>29.3</v>
      </c>
      <c r="F24" s="45">
        <v>0.40000000000000213</v>
      </c>
      <c r="G24" s="10">
        <v>7675</v>
      </c>
      <c r="H24" s="10">
        <v>2327</v>
      </c>
      <c r="I24" s="16">
        <v>30.3</v>
      </c>
      <c r="J24" s="45">
        <v>1</v>
      </c>
      <c r="K24" s="14">
        <v>7163</v>
      </c>
      <c r="L24" s="14">
        <v>2163</v>
      </c>
      <c r="M24" s="15">
        <v>30.2</v>
      </c>
      <c r="N24" s="51">
        <v>-0.10000000000000142</v>
      </c>
      <c r="O24" s="3"/>
    </row>
    <row r="25" spans="1:15" ht="18.95" customHeight="1" thickBot="1" x14ac:dyDescent="0.2">
      <c r="A25" s="17">
        <v>21</v>
      </c>
      <c r="B25" s="18" t="s">
        <v>31</v>
      </c>
      <c r="C25" s="22">
        <v>17033</v>
      </c>
      <c r="D25" s="22">
        <v>5981</v>
      </c>
      <c r="E25" s="21">
        <v>35.1</v>
      </c>
      <c r="F25" s="46">
        <v>1.3999999999999986</v>
      </c>
      <c r="G25" s="22">
        <v>16538</v>
      </c>
      <c r="H25" s="22">
        <v>5952</v>
      </c>
      <c r="I25" s="21">
        <v>36</v>
      </c>
      <c r="J25" s="46">
        <v>0.89999999999999858</v>
      </c>
      <c r="K25" s="23">
        <v>15456</v>
      </c>
      <c r="L25" s="23">
        <v>5631</v>
      </c>
      <c r="M25" s="24">
        <v>36.4</v>
      </c>
      <c r="N25" s="53">
        <v>0.39999999999999858</v>
      </c>
      <c r="O25" s="3"/>
    </row>
    <row r="26" spans="1:15" ht="18.95" customHeight="1" thickTop="1" x14ac:dyDescent="0.15">
      <c r="A26" s="3">
        <v>19</v>
      </c>
      <c r="B26" s="9" t="s">
        <v>32</v>
      </c>
      <c r="C26" s="10">
        <v>6865</v>
      </c>
      <c r="D26" s="10">
        <v>1799</v>
      </c>
      <c r="E26" s="16">
        <v>26.2</v>
      </c>
      <c r="F26" s="45">
        <v>2.5</v>
      </c>
      <c r="G26" s="10">
        <v>6665</v>
      </c>
      <c r="H26" s="10">
        <v>1831</v>
      </c>
      <c r="I26" s="16">
        <v>27.5</v>
      </c>
      <c r="J26" s="45">
        <v>1.3000000000000007</v>
      </c>
      <c r="K26" s="25">
        <v>6356</v>
      </c>
      <c r="L26" s="25">
        <v>1741</v>
      </c>
      <c r="M26" s="26">
        <v>27.4</v>
      </c>
      <c r="N26" s="50">
        <v>-0.10000000000000142</v>
      </c>
      <c r="O26" s="3"/>
    </row>
    <row r="27" spans="1:15" ht="18.95" customHeight="1" x14ac:dyDescent="0.15">
      <c r="A27" s="3">
        <v>20</v>
      </c>
      <c r="B27" s="9" t="s">
        <v>33</v>
      </c>
      <c r="C27" s="10">
        <v>9205</v>
      </c>
      <c r="D27" s="10">
        <v>3238</v>
      </c>
      <c r="E27" s="16">
        <v>35.200000000000003</v>
      </c>
      <c r="F27" s="45">
        <v>2.8000000000000043</v>
      </c>
      <c r="G27" s="10">
        <v>8955</v>
      </c>
      <c r="H27" s="10">
        <v>3218</v>
      </c>
      <c r="I27" s="16">
        <v>35.9</v>
      </c>
      <c r="J27" s="45">
        <v>0.69999999999999574</v>
      </c>
      <c r="K27" s="14">
        <v>8354</v>
      </c>
      <c r="L27" s="14">
        <v>3048</v>
      </c>
      <c r="M27" s="15">
        <v>36.5</v>
      </c>
      <c r="N27" s="51">
        <v>0.60000000000000142</v>
      </c>
      <c r="O27" s="3"/>
    </row>
    <row r="28" spans="1:15" ht="18.95" customHeight="1" x14ac:dyDescent="0.15">
      <c r="A28" s="3">
        <v>22</v>
      </c>
      <c r="B28" s="9" t="s">
        <v>34</v>
      </c>
      <c r="C28" s="10">
        <v>6892</v>
      </c>
      <c r="D28" s="10">
        <v>1845</v>
      </c>
      <c r="E28" s="16">
        <v>26.8</v>
      </c>
      <c r="F28" s="45">
        <v>1</v>
      </c>
      <c r="G28" s="10">
        <v>6754</v>
      </c>
      <c r="H28" s="10">
        <v>1958</v>
      </c>
      <c r="I28" s="16">
        <v>29</v>
      </c>
      <c r="J28" s="45">
        <v>2.1999999999999993</v>
      </c>
      <c r="K28" s="14">
        <v>6480</v>
      </c>
      <c r="L28" s="14">
        <v>1941</v>
      </c>
      <c r="M28" s="15">
        <v>30</v>
      </c>
      <c r="N28" s="51">
        <v>1</v>
      </c>
      <c r="O28" s="3"/>
    </row>
    <row r="29" spans="1:15" ht="18.95" customHeight="1" x14ac:dyDescent="0.15">
      <c r="A29" s="3">
        <v>23</v>
      </c>
      <c r="B29" s="9" t="s">
        <v>35</v>
      </c>
      <c r="C29" s="10">
        <v>5845</v>
      </c>
      <c r="D29" s="10">
        <v>2091</v>
      </c>
      <c r="E29" s="16">
        <v>35.799999999999997</v>
      </c>
      <c r="F29" s="45">
        <v>-0.30000000000000426</v>
      </c>
      <c r="G29" s="10">
        <v>5686</v>
      </c>
      <c r="H29" s="10">
        <v>2148</v>
      </c>
      <c r="I29" s="16">
        <v>37.799999999999997</v>
      </c>
      <c r="J29" s="45">
        <v>2</v>
      </c>
      <c r="K29" s="14">
        <v>5463</v>
      </c>
      <c r="L29" s="14">
        <v>2030</v>
      </c>
      <c r="M29" s="15">
        <v>37.200000000000003</v>
      </c>
      <c r="N29" s="51">
        <v>-0.59999999999999432</v>
      </c>
      <c r="O29" s="3"/>
    </row>
    <row r="30" spans="1:15" ht="18.95" customHeight="1" x14ac:dyDescent="0.15">
      <c r="A30" s="3">
        <v>24</v>
      </c>
      <c r="B30" s="9" t="s">
        <v>36</v>
      </c>
      <c r="C30" s="10">
        <v>2207</v>
      </c>
      <c r="D30" s="10">
        <v>662</v>
      </c>
      <c r="E30" s="16">
        <v>30</v>
      </c>
      <c r="F30" s="45">
        <v>3.8000000000000007</v>
      </c>
      <c r="G30" s="10">
        <v>2185</v>
      </c>
      <c r="H30" s="10">
        <v>651</v>
      </c>
      <c r="I30" s="16">
        <v>29.8</v>
      </c>
      <c r="J30" s="45">
        <v>-0.19999999999999929</v>
      </c>
      <c r="K30" s="14">
        <v>2099</v>
      </c>
      <c r="L30" s="14">
        <v>649</v>
      </c>
      <c r="M30" s="15">
        <v>30.9</v>
      </c>
      <c r="N30" s="51">
        <v>1.0999999999999979</v>
      </c>
      <c r="O30" s="3"/>
    </row>
    <row r="31" spans="1:15" ht="18.95" customHeight="1" x14ac:dyDescent="0.15">
      <c r="A31" s="3">
        <v>25</v>
      </c>
      <c r="B31" s="9" t="s">
        <v>37</v>
      </c>
      <c r="C31" s="10">
        <v>3280</v>
      </c>
      <c r="D31" s="10">
        <v>780</v>
      </c>
      <c r="E31" s="16">
        <v>23.8</v>
      </c>
      <c r="F31" s="45">
        <v>0.40000000000000213</v>
      </c>
      <c r="G31" s="10">
        <v>3208</v>
      </c>
      <c r="H31" s="10">
        <v>754</v>
      </c>
      <c r="I31" s="16">
        <v>23.5</v>
      </c>
      <c r="J31" s="45">
        <v>-0.30000000000000071</v>
      </c>
      <c r="K31" s="14">
        <v>2983</v>
      </c>
      <c r="L31" s="14">
        <v>713</v>
      </c>
      <c r="M31" s="15">
        <v>23.9</v>
      </c>
      <c r="N31" s="51">
        <v>0.39999999999999858</v>
      </c>
      <c r="O31" s="3"/>
    </row>
    <row r="32" spans="1:15" ht="18.95" customHeight="1" x14ac:dyDescent="0.15">
      <c r="A32" s="3">
        <v>26</v>
      </c>
      <c r="B32" s="9" t="s">
        <v>38</v>
      </c>
      <c r="C32" s="10">
        <v>2402</v>
      </c>
      <c r="D32" s="10">
        <v>613</v>
      </c>
      <c r="E32" s="16">
        <v>25.5</v>
      </c>
      <c r="F32" s="45">
        <v>0.39999999999999858</v>
      </c>
      <c r="G32" s="10">
        <v>2286</v>
      </c>
      <c r="H32" s="10">
        <v>653</v>
      </c>
      <c r="I32" s="16">
        <v>28.6</v>
      </c>
      <c r="J32" s="45">
        <v>3.1000000000000014</v>
      </c>
      <c r="K32" s="14">
        <v>2159</v>
      </c>
      <c r="L32" s="14">
        <v>640</v>
      </c>
      <c r="M32" s="15">
        <v>29.6</v>
      </c>
      <c r="N32" s="51">
        <v>1</v>
      </c>
      <c r="O32" s="3"/>
    </row>
    <row r="33" spans="1:15" ht="18.95" customHeight="1" x14ac:dyDescent="0.15">
      <c r="A33" s="3">
        <v>27</v>
      </c>
      <c r="B33" s="9" t="s">
        <v>39</v>
      </c>
      <c r="C33" s="10">
        <v>2488</v>
      </c>
      <c r="D33" s="10">
        <v>690</v>
      </c>
      <c r="E33" s="16">
        <v>27.7</v>
      </c>
      <c r="F33" s="45">
        <v>0.69999999999999929</v>
      </c>
      <c r="G33" s="10">
        <v>2410</v>
      </c>
      <c r="H33" s="10">
        <v>772</v>
      </c>
      <c r="I33" s="16">
        <v>32</v>
      </c>
      <c r="J33" s="45">
        <v>4.3000000000000007</v>
      </c>
      <c r="K33" s="14">
        <v>2312</v>
      </c>
      <c r="L33" s="14">
        <v>837</v>
      </c>
      <c r="M33" s="15">
        <v>36.200000000000003</v>
      </c>
      <c r="N33" s="51">
        <v>4.2000000000000028</v>
      </c>
      <c r="O33" s="3"/>
    </row>
    <row r="34" spans="1:15" ht="18.95" customHeight="1" x14ac:dyDescent="0.15">
      <c r="A34" s="3">
        <v>28</v>
      </c>
      <c r="B34" s="9" t="s">
        <v>40</v>
      </c>
      <c r="C34" s="10">
        <v>2730</v>
      </c>
      <c r="D34" s="10">
        <v>1036</v>
      </c>
      <c r="E34" s="16">
        <v>37.9</v>
      </c>
      <c r="F34" s="45">
        <v>2.1000000000000014</v>
      </c>
      <c r="G34" s="10">
        <v>2666</v>
      </c>
      <c r="H34" s="10">
        <v>1042</v>
      </c>
      <c r="I34" s="16">
        <v>39.1</v>
      </c>
      <c r="J34" s="45">
        <v>1.2000000000000028</v>
      </c>
      <c r="K34" s="14">
        <v>2540</v>
      </c>
      <c r="L34" s="14">
        <v>999</v>
      </c>
      <c r="M34" s="15">
        <v>39.299999999999997</v>
      </c>
      <c r="N34" s="51">
        <v>0.19999999999999574</v>
      </c>
      <c r="O34" s="3"/>
    </row>
    <row r="35" spans="1:15" ht="18.95" customHeight="1" x14ac:dyDescent="0.15">
      <c r="A35" s="3">
        <v>29</v>
      </c>
      <c r="B35" s="9" t="s">
        <v>41</v>
      </c>
      <c r="C35" s="10">
        <v>2723</v>
      </c>
      <c r="D35" s="10">
        <v>865</v>
      </c>
      <c r="E35" s="16">
        <v>31.8</v>
      </c>
      <c r="F35" s="45">
        <v>0.90000000000000213</v>
      </c>
      <c r="G35" s="10">
        <v>2602</v>
      </c>
      <c r="H35" s="10">
        <v>883</v>
      </c>
      <c r="I35" s="16">
        <v>33.9</v>
      </c>
      <c r="J35" s="45">
        <v>2.0999999999999979</v>
      </c>
      <c r="K35" s="14">
        <v>2410</v>
      </c>
      <c r="L35" s="14">
        <v>805</v>
      </c>
      <c r="M35" s="15">
        <v>33.4</v>
      </c>
      <c r="N35" s="51">
        <v>-0.5</v>
      </c>
      <c r="O35" s="3"/>
    </row>
    <row r="36" spans="1:15" ht="18.95" customHeight="1" x14ac:dyDescent="0.15">
      <c r="A36" s="3">
        <v>30</v>
      </c>
      <c r="B36" s="9" t="s">
        <v>42</v>
      </c>
      <c r="C36" s="10">
        <v>2102</v>
      </c>
      <c r="D36" s="10">
        <v>624</v>
      </c>
      <c r="E36" s="16">
        <v>29.7</v>
      </c>
      <c r="F36" s="45">
        <v>0.19999999999999929</v>
      </c>
      <c r="G36" s="10">
        <v>1978</v>
      </c>
      <c r="H36" s="10">
        <v>549</v>
      </c>
      <c r="I36" s="16">
        <v>27.8</v>
      </c>
      <c r="J36" s="45">
        <v>-1.8999999999999986</v>
      </c>
      <c r="K36" s="14">
        <v>1886</v>
      </c>
      <c r="L36" s="14">
        <v>563</v>
      </c>
      <c r="M36" s="15">
        <v>29.9</v>
      </c>
      <c r="N36" s="51">
        <v>2.0999999999999979</v>
      </c>
      <c r="O36" s="3"/>
    </row>
    <row r="37" spans="1:15" ht="18.95" customHeight="1" x14ac:dyDescent="0.15">
      <c r="A37" s="3">
        <v>31</v>
      </c>
      <c r="B37" s="9" t="s">
        <v>43</v>
      </c>
      <c r="C37" s="10">
        <v>6537</v>
      </c>
      <c r="D37" s="10">
        <v>1421</v>
      </c>
      <c r="E37" s="16">
        <v>21.7</v>
      </c>
      <c r="F37" s="45">
        <v>-0.10000000000000142</v>
      </c>
      <c r="G37" s="10">
        <v>6247</v>
      </c>
      <c r="H37" s="10">
        <v>1449</v>
      </c>
      <c r="I37" s="16">
        <v>23.2</v>
      </c>
      <c r="J37" s="45">
        <v>1.5</v>
      </c>
      <c r="K37" s="14">
        <v>5864</v>
      </c>
      <c r="L37" s="14">
        <v>1357</v>
      </c>
      <c r="M37" s="15">
        <v>23.1</v>
      </c>
      <c r="N37" s="51">
        <v>-9.9999999999997868E-2</v>
      </c>
      <c r="O37" s="3"/>
    </row>
    <row r="38" spans="1:15" ht="18.95" customHeight="1" x14ac:dyDescent="0.15">
      <c r="A38" s="3">
        <v>32</v>
      </c>
      <c r="B38" s="9" t="s">
        <v>44</v>
      </c>
      <c r="C38" s="10">
        <v>9204</v>
      </c>
      <c r="D38" s="10">
        <v>3365</v>
      </c>
      <c r="E38" s="16">
        <v>36.6</v>
      </c>
      <c r="F38" s="45">
        <v>1.5</v>
      </c>
      <c r="G38" s="10">
        <v>8952</v>
      </c>
      <c r="H38" s="10">
        <v>3325</v>
      </c>
      <c r="I38" s="16">
        <v>37.1</v>
      </c>
      <c r="J38" s="45">
        <v>0.5</v>
      </c>
      <c r="K38" s="14">
        <v>8487</v>
      </c>
      <c r="L38" s="14">
        <v>3188</v>
      </c>
      <c r="M38" s="15">
        <v>37.6</v>
      </c>
      <c r="N38" s="51">
        <v>0.5</v>
      </c>
      <c r="O38" s="3"/>
    </row>
    <row r="39" spans="1:15" ht="18.95" customHeight="1" thickBot="1" x14ac:dyDescent="0.2">
      <c r="A39" s="27">
        <v>33</v>
      </c>
      <c r="B39" s="18" t="s">
        <v>45</v>
      </c>
      <c r="C39" s="22">
        <v>774</v>
      </c>
      <c r="D39" s="22">
        <v>333</v>
      </c>
      <c r="E39" s="21">
        <v>43</v>
      </c>
      <c r="F39" s="46">
        <v>-1.5</v>
      </c>
      <c r="G39" s="22">
        <v>753</v>
      </c>
      <c r="H39" s="22">
        <v>338</v>
      </c>
      <c r="I39" s="21">
        <v>44.9</v>
      </c>
      <c r="J39" s="46">
        <v>1.8999999999999986</v>
      </c>
      <c r="K39" s="23">
        <v>699</v>
      </c>
      <c r="L39" s="23">
        <v>310</v>
      </c>
      <c r="M39" s="28">
        <v>44.3</v>
      </c>
      <c r="N39" s="53">
        <v>-0.60000000000000142</v>
      </c>
      <c r="O39" s="3"/>
    </row>
    <row r="40" spans="1:15" ht="18.95" customHeight="1" thickTop="1" x14ac:dyDescent="0.15">
      <c r="A40" s="3">
        <v>301</v>
      </c>
      <c r="B40" s="29" t="s">
        <v>46</v>
      </c>
      <c r="C40" s="10">
        <v>8132</v>
      </c>
      <c r="D40" s="10">
        <v>2638</v>
      </c>
      <c r="E40" s="16">
        <v>32.4</v>
      </c>
      <c r="F40" s="45">
        <v>1.0999999999999979</v>
      </c>
      <c r="G40" s="10">
        <v>8236</v>
      </c>
      <c r="H40" s="10">
        <v>2818</v>
      </c>
      <c r="I40" s="16">
        <v>34.200000000000003</v>
      </c>
      <c r="J40" s="45">
        <v>1.8000000000000043</v>
      </c>
      <c r="K40" s="30">
        <v>8209</v>
      </c>
      <c r="L40" s="30">
        <v>2911</v>
      </c>
      <c r="M40" s="31">
        <v>35.5</v>
      </c>
      <c r="N40" s="50">
        <v>1.2999999999999972</v>
      </c>
      <c r="O40" s="3"/>
    </row>
    <row r="41" spans="1:15" ht="18.95" customHeight="1" x14ac:dyDescent="0.15">
      <c r="A41" s="3">
        <v>302</v>
      </c>
      <c r="B41" s="9" t="s">
        <v>47</v>
      </c>
      <c r="C41" s="10">
        <v>7603</v>
      </c>
      <c r="D41" s="10">
        <v>2352</v>
      </c>
      <c r="E41" s="16">
        <v>30.9</v>
      </c>
      <c r="F41" s="45">
        <v>2.2999999999999972</v>
      </c>
      <c r="G41" s="10">
        <v>7676</v>
      </c>
      <c r="H41" s="10">
        <v>2488</v>
      </c>
      <c r="I41" s="16">
        <v>32.4</v>
      </c>
      <c r="J41" s="45">
        <v>1.5</v>
      </c>
      <c r="K41" s="14">
        <v>7699</v>
      </c>
      <c r="L41" s="14">
        <v>2567</v>
      </c>
      <c r="M41" s="15">
        <v>33.299999999999997</v>
      </c>
      <c r="N41" s="51">
        <v>0.89999999999999858</v>
      </c>
      <c r="O41" s="3"/>
    </row>
    <row r="42" spans="1:15" ht="18.95" customHeight="1" x14ac:dyDescent="0.15">
      <c r="A42" s="3">
        <v>303</v>
      </c>
      <c r="B42" s="9" t="s">
        <v>48</v>
      </c>
      <c r="C42" s="10">
        <v>12225</v>
      </c>
      <c r="D42" s="10">
        <v>2503</v>
      </c>
      <c r="E42" s="16">
        <v>20.5</v>
      </c>
      <c r="F42" s="45">
        <v>1.1000000000000014</v>
      </c>
      <c r="G42" s="10">
        <v>11719</v>
      </c>
      <c r="H42" s="10">
        <v>2461</v>
      </c>
      <c r="I42" s="16">
        <v>21</v>
      </c>
      <c r="J42" s="45">
        <v>0.5</v>
      </c>
      <c r="K42" s="14">
        <v>10993</v>
      </c>
      <c r="L42" s="14">
        <v>2329</v>
      </c>
      <c r="M42" s="15">
        <v>21.2</v>
      </c>
      <c r="N42" s="51">
        <v>0.19999999999999929</v>
      </c>
      <c r="O42" s="3"/>
    </row>
    <row r="43" spans="1:15" ht="18.95" customHeight="1" x14ac:dyDescent="0.15">
      <c r="A43" s="3">
        <v>304</v>
      </c>
      <c r="B43" s="9" t="s">
        <v>49</v>
      </c>
      <c r="C43" s="10">
        <v>2286</v>
      </c>
      <c r="D43" s="10">
        <v>847</v>
      </c>
      <c r="E43" s="16">
        <v>37.1</v>
      </c>
      <c r="F43" s="45">
        <v>3.8999999999999986</v>
      </c>
      <c r="G43" s="10">
        <v>2316</v>
      </c>
      <c r="H43" s="10">
        <v>933</v>
      </c>
      <c r="I43" s="16">
        <v>40.299999999999997</v>
      </c>
      <c r="J43" s="45">
        <v>3.1999999999999957</v>
      </c>
      <c r="K43" s="14">
        <v>2308</v>
      </c>
      <c r="L43" s="14">
        <v>969</v>
      </c>
      <c r="M43" s="15">
        <v>42</v>
      </c>
      <c r="N43" s="51">
        <v>1.7000000000000028</v>
      </c>
      <c r="O43" s="3"/>
    </row>
    <row r="44" spans="1:15" ht="18.95" customHeight="1" x14ac:dyDescent="0.15">
      <c r="A44" s="3">
        <v>305</v>
      </c>
      <c r="B44" s="9" t="s">
        <v>50</v>
      </c>
      <c r="C44" s="10">
        <v>5238</v>
      </c>
      <c r="D44" s="10">
        <v>2053</v>
      </c>
      <c r="E44" s="16">
        <v>39.200000000000003</v>
      </c>
      <c r="F44" s="45">
        <v>-1.5</v>
      </c>
      <c r="G44" s="10">
        <v>4821</v>
      </c>
      <c r="H44" s="10">
        <v>2185</v>
      </c>
      <c r="I44" s="16">
        <v>45.3</v>
      </c>
      <c r="J44" s="45">
        <v>6.0999999999999943</v>
      </c>
      <c r="K44" s="14">
        <v>4566</v>
      </c>
      <c r="L44" s="14">
        <v>2120</v>
      </c>
      <c r="M44" s="15">
        <v>46.4</v>
      </c>
      <c r="N44" s="51">
        <v>1.1000000000000014</v>
      </c>
      <c r="O44" s="3"/>
    </row>
    <row r="45" spans="1:15" ht="18.95" customHeight="1" thickBot="1" x14ac:dyDescent="0.2">
      <c r="A45" s="17">
        <v>306</v>
      </c>
      <c r="B45" s="18" t="s">
        <v>51</v>
      </c>
      <c r="C45" s="20">
        <v>42117</v>
      </c>
      <c r="D45" s="20">
        <v>19273</v>
      </c>
      <c r="E45" s="19">
        <v>45.8</v>
      </c>
      <c r="F45" s="47">
        <v>-0.30000000000000426</v>
      </c>
      <c r="G45" s="20">
        <v>37534</v>
      </c>
      <c r="H45" s="20">
        <v>17805</v>
      </c>
      <c r="I45" s="19">
        <v>47.4</v>
      </c>
      <c r="J45" s="47">
        <v>1.6000000000000014</v>
      </c>
      <c r="K45" s="32">
        <v>36162</v>
      </c>
      <c r="L45" s="32">
        <v>17784</v>
      </c>
      <c r="M45" s="28">
        <v>49.2</v>
      </c>
      <c r="N45" s="53">
        <v>1.8000000000000043</v>
      </c>
      <c r="O45" s="3"/>
    </row>
    <row r="46" spans="1:15" ht="18.95" customHeight="1" thickTop="1" thickBot="1" x14ac:dyDescent="0.2">
      <c r="A46" s="64" t="s">
        <v>52</v>
      </c>
      <c r="B46" s="65"/>
      <c r="C46" s="34">
        <v>1527845</v>
      </c>
      <c r="D46" s="34">
        <v>404670</v>
      </c>
      <c r="E46" s="33">
        <v>26.5</v>
      </c>
      <c r="F46" s="48">
        <v>1.3000000000000007</v>
      </c>
      <c r="G46" s="34">
        <v>1486843</v>
      </c>
      <c r="H46" s="34">
        <v>404925</v>
      </c>
      <c r="I46" s="33">
        <v>27.2</v>
      </c>
      <c r="J46" s="48">
        <v>0.69999999999999929</v>
      </c>
      <c r="K46" s="35">
        <v>1410063</v>
      </c>
      <c r="L46" s="35">
        <v>381033</v>
      </c>
      <c r="M46" s="36">
        <v>27</v>
      </c>
      <c r="N46" s="54">
        <v>-0.19999999999999929</v>
      </c>
      <c r="O46" s="3"/>
    </row>
    <row r="47" spans="1:15" ht="18.95" customHeight="1" thickTop="1" thickBot="1" x14ac:dyDescent="0.2">
      <c r="A47" s="64" t="s">
        <v>53</v>
      </c>
      <c r="B47" s="65"/>
      <c r="C47" s="34">
        <v>77601</v>
      </c>
      <c r="D47" s="34">
        <v>29666</v>
      </c>
      <c r="E47" s="33">
        <v>38.200000000000003</v>
      </c>
      <c r="F47" s="48">
        <v>0.20000000000000284</v>
      </c>
      <c r="G47" s="34">
        <v>72302</v>
      </c>
      <c r="H47" s="34">
        <v>28690</v>
      </c>
      <c r="I47" s="33">
        <v>39.700000000000003</v>
      </c>
      <c r="J47" s="48">
        <v>1.5</v>
      </c>
      <c r="K47" s="37">
        <v>69937</v>
      </c>
      <c r="L47" s="37">
        <v>28680</v>
      </c>
      <c r="M47" s="36">
        <v>41</v>
      </c>
      <c r="N47" s="55">
        <v>1.2999999999999972</v>
      </c>
      <c r="O47" s="3"/>
    </row>
    <row r="48" spans="1:15" ht="18.95" customHeight="1" thickTop="1" thickBot="1" x14ac:dyDescent="0.2">
      <c r="A48" s="57" t="s">
        <v>54</v>
      </c>
      <c r="B48" s="58"/>
      <c r="C48" s="39">
        <v>1605446</v>
      </c>
      <c r="D48" s="39">
        <v>434336</v>
      </c>
      <c r="E48" s="38">
        <v>27.1</v>
      </c>
      <c r="F48" s="49">
        <v>1.3000000000000007</v>
      </c>
      <c r="G48" s="39">
        <v>1559145</v>
      </c>
      <c r="H48" s="39">
        <v>433615</v>
      </c>
      <c r="I48" s="38">
        <v>27.8</v>
      </c>
      <c r="J48" s="49">
        <v>0.69999999999999929</v>
      </c>
      <c r="K48" s="40">
        <v>1480000</v>
      </c>
      <c r="L48" s="40">
        <v>409713</v>
      </c>
      <c r="M48" s="41">
        <v>27.7</v>
      </c>
      <c r="N48" s="56">
        <v>-0.10000000000000142</v>
      </c>
      <c r="O48" s="3"/>
    </row>
    <row r="49" spans="1:1" x14ac:dyDescent="0.15">
      <c r="A49" s="42"/>
    </row>
  </sheetData>
  <mergeCells count="11">
    <mergeCell ref="A48:B48"/>
    <mergeCell ref="G4:I4"/>
    <mergeCell ref="J4:J6"/>
    <mergeCell ref="K4:M4"/>
    <mergeCell ref="N4:N6"/>
    <mergeCell ref="A46:B46"/>
    <mergeCell ref="A47:B47"/>
    <mergeCell ref="A3:B6"/>
    <mergeCell ref="C3:N3"/>
    <mergeCell ref="C4:E4"/>
    <mergeCell ref="F4:F6"/>
  </mergeCells>
  <phoneticPr fontId="3"/>
  <pageMargins left="0.7" right="0.7" top="0.75" bottom="0.75" header="0.3" footer="0.3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定健診受診率</vt:lpstr>
      <vt:lpstr>特定健診受診率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19T05:06:54Z</cp:lastPrinted>
  <dcterms:created xsi:type="dcterms:W3CDTF">2018-03-07T23:57:10Z</dcterms:created>
  <dcterms:modified xsi:type="dcterms:W3CDTF">2018-03-19T05:07:07Z</dcterms:modified>
</cp:coreProperties>
</file>